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8"/>
  </p:notesMasterIdLst>
  <p:sldIdLst>
    <p:sldId id="256" r:id="rId2"/>
    <p:sldId id="266" r:id="rId3"/>
    <p:sldId id="272" r:id="rId4"/>
    <p:sldId id="273" r:id="rId5"/>
    <p:sldId id="274" r:id="rId6"/>
    <p:sldId id="271" r:id="rId7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C55295B1-16B8-40EB-8E02-97B2C6887BFA}" v="1258" dt="2022-07-30T13:39:32.477"/>
    <p1510:client id="{EE41E6E6-CC1B-4B8E-B6D1-219026D9A6C0}" v="6" dt="2022-07-26T23:04:14.568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9967" autoAdjust="0"/>
    <p:restoredTop sz="94660"/>
  </p:normalViewPr>
  <p:slideViewPr>
    <p:cSldViewPr snapToGrid="0" showGuides="1">
      <p:cViewPr varScale="1">
        <p:scale>
          <a:sx n="107" d="100"/>
          <a:sy n="107" d="100"/>
        </p:scale>
        <p:origin x="1404" y="102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notesMaster" Target="notesMasters/notesMaster1.xml"/><Relationship Id="rId13" Type="http://schemas.microsoft.com/office/2016/11/relationships/changesInfo" Target="changesInfos/changesInfo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ableStyles" Target="tableStyle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theme" Target="theme/theme1.xml"/><Relationship Id="rId5" Type="http://schemas.openxmlformats.org/officeDocument/2006/relationships/slide" Target="slides/slide4.xml"/><Relationship Id="rId10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presProps" Target="presProps.xml"/><Relationship Id="rId14" Type="http://schemas.microsoft.com/office/2015/10/relationships/revisionInfo" Target="revisionInfo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Pankaj Kumar" userId="3c9ad02ac8f588c0" providerId="Windows Live" clId="Web-{EE41E6E6-CC1B-4B8E-B6D1-219026D9A6C0}"/>
    <pc:docChg chg="modSld">
      <pc:chgData name="Pankaj Kumar" userId="3c9ad02ac8f588c0" providerId="Windows Live" clId="Web-{EE41E6E6-CC1B-4B8E-B6D1-219026D9A6C0}" dt="2022-07-26T23:04:14.568" v="3" actId="20577"/>
      <pc:docMkLst>
        <pc:docMk/>
      </pc:docMkLst>
      <pc:sldChg chg="modSp">
        <pc:chgData name="Pankaj Kumar" userId="3c9ad02ac8f588c0" providerId="Windows Live" clId="Web-{EE41E6E6-CC1B-4B8E-B6D1-219026D9A6C0}" dt="2022-07-26T23:04:14.568" v="3" actId="20577"/>
        <pc:sldMkLst>
          <pc:docMk/>
          <pc:sldMk cId="3784118557" sldId="256"/>
        </pc:sldMkLst>
        <pc:spChg chg="mod">
          <ac:chgData name="Pankaj Kumar" userId="3c9ad02ac8f588c0" providerId="Windows Live" clId="Web-{EE41E6E6-CC1B-4B8E-B6D1-219026D9A6C0}" dt="2022-07-26T23:04:14.568" v="3" actId="20577"/>
          <ac:spMkLst>
            <pc:docMk/>
            <pc:sldMk cId="3784118557" sldId="256"/>
            <ac:spMk id="6" creationId="{00000000-0000-0000-0000-000000000000}"/>
          </ac:spMkLst>
        </pc:spChg>
      </pc:sldChg>
    </pc:docChg>
  </pc:docChgLst>
  <pc:docChgLst>
    <pc:chgData name="Pankaj Kumar" userId="3c9ad02ac8f588c0" providerId="Windows Live" clId="Web-{C55295B1-16B8-40EB-8E02-97B2C6887BFA}"/>
    <pc:docChg chg="addSld modSld">
      <pc:chgData name="Pankaj Kumar" userId="3c9ad02ac8f588c0" providerId="Windows Live" clId="Web-{C55295B1-16B8-40EB-8E02-97B2C6887BFA}" dt="2022-07-30T13:39:45.259" v="709"/>
      <pc:docMkLst>
        <pc:docMk/>
      </pc:docMkLst>
      <pc:sldChg chg="addSp delSp modSp">
        <pc:chgData name="Pankaj Kumar" userId="3c9ad02ac8f588c0" providerId="Windows Live" clId="Web-{C55295B1-16B8-40EB-8E02-97B2C6887BFA}" dt="2022-07-30T13:00:39.297" v="107" actId="20577"/>
        <pc:sldMkLst>
          <pc:docMk/>
          <pc:sldMk cId="3784118557" sldId="256"/>
        </pc:sldMkLst>
        <pc:spChg chg="mod">
          <ac:chgData name="Pankaj Kumar" userId="3c9ad02ac8f588c0" providerId="Windows Live" clId="Web-{C55295B1-16B8-40EB-8E02-97B2C6887BFA}" dt="2022-07-30T13:00:39.297" v="107" actId="20577"/>
          <ac:spMkLst>
            <pc:docMk/>
            <pc:sldMk cId="3784118557" sldId="256"/>
            <ac:spMk id="6" creationId="{00000000-0000-0000-0000-000000000000}"/>
          </ac:spMkLst>
        </pc:spChg>
        <pc:picChg chg="add del mod">
          <ac:chgData name="Pankaj Kumar" userId="3c9ad02ac8f588c0" providerId="Windows Live" clId="Web-{C55295B1-16B8-40EB-8E02-97B2C6887BFA}" dt="2022-07-30T12:59:22.217" v="55"/>
          <ac:picMkLst>
            <pc:docMk/>
            <pc:sldMk cId="3784118557" sldId="256"/>
            <ac:picMk id="2" creationId="{0D469361-71A8-29C6-21C1-EFF79897123D}"/>
          </ac:picMkLst>
        </pc:picChg>
        <pc:picChg chg="add del mod">
          <ac:chgData name="Pankaj Kumar" userId="3c9ad02ac8f588c0" providerId="Windows Live" clId="Web-{C55295B1-16B8-40EB-8E02-97B2C6887BFA}" dt="2022-07-30T12:59:43.217" v="62"/>
          <ac:picMkLst>
            <pc:docMk/>
            <pc:sldMk cId="3784118557" sldId="256"/>
            <ac:picMk id="3" creationId="{AB817DD6-E000-9141-1059-678054C032B7}"/>
          </ac:picMkLst>
        </pc:picChg>
      </pc:sldChg>
      <pc:sldChg chg="addSp delSp modSp mod setBg">
        <pc:chgData name="Pankaj Kumar" userId="3c9ad02ac8f588c0" providerId="Windows Live" clId="Web-{C55295B1-16B8-40EB-8E02-97B2C6887BFA}" dt="2022-07-30T13:31:30.462" v="622" actId="20577"/>
        <pc:sldMkLst>
          <pc:docMk/>
          <pc:sldMk cId="4045138603" sldId="266"/>
        </pc:sldMkLst>
        <pc:spChg chg="mod ord">
          <ac:chgData name="Pankaj Kumar" userId="3c9ad02ac8f588c0" providerId="Windows Live" clId="Web-{C55295B1-16B8-40EB-8E02-97B2C6887BFA}" dt="2022-07-30T13:31:30.462" v="622" actId="20577"/>
          <ac:spMkLst>
            <pc:docMk/>
            <pc:sldMk cId="4045138603" sldId="266"/>
            <ac:spMk id="2" creationId="{72E3D2D2-53FB-4E7B-BD22-8BCDFCCBF85D}"/>
          </ac:spMkLst>
        </pc:spChg>
        <pc:spChg chg="del">
          <ac:chgData name="Pankaj Kumar" userId="3c9ad02ac8f588c0" providerId="Windows Live" clId="Web-{C55295B1-16B8-40EB-8E02-97B2C6887BFA}" dt="2022-07-30T12:59:11.841" v="54"/>
          <ac:spMkLst>
            <pc:docMk/>
            <pc:sldMk cId="4045138603" sldId="266"/>
            <ac:spMk id="7" creationId="{5990DD39-FF97-4877-A551-7939CCC2135A}"/>
          </ac:spMkLst>
        </pc:spChg>
        <pc:spChg chg="add">
          <ac:chgData name="Pankaj Kumar" userId="3c9ad02ac8f588c0" providerId="Windows Live" clId="Web-{C55295B1-16B8-40EB-8E02-97B2C6887BFA}" dt="2022-07-30T12:59:50.921" v="65"/>
          <ac:spMkLst>
            <pc:docMk/>
            <pc:sldMk cId="4045138603" sldId="266"/>
            <ac:spMk id="9" creationId="{3B47FC9C-2ED3-4100-A4EF-E8CDFEE106C9}"/>
          </ac:spMkLst>
        </pc:spChg>
        <pc:picChg chg="add mod">
          <ac:chgData name="Pankaj Kumar" userId="3c9ad02ac8f588c0" providerId="Windows Live" clId="Web-{C55295B1-16B8-40EB-8E02-97B2C6887BFA}" dt="2022-07-30T12:59:50.921" v="65"/>
          <ac:picMkLst>
            <pc:docMk/>
            <pc:sldMk cId="4045138603" sldId="266"/>
            <ac:picMk id="3" creationId="{A316D979-0CF4-A8A4-1899-27C39F867A53}"/>
          </ac:picMkLst>
        </pc:picChg>
        <pc:picChg chg="add mod">
          <ac:chgData name="Pankaj Kumar" userId="3c9ad02ac8f588c0" providerId="Windows Live" clId="Web-{C55295B1-16B8-40EB-8E02-97B2C6887BFA}" dt="2022-07-30T12:59:50.921" v="65"/>
          <ac:picMkLst>
            <pc:docMk/>
            <pc:sldMk cId="4045138603" sldId="266"/>
            <ac:picMk id="4" creationId="{74C000F4-B274-503F-51C6-1D988BCBDCBB}"/>
          </ac:picMkLst>
        </pc:picChg>
      </pc:sldChg>
      <pc:sldChg chg="addSp modSp mod setBg">
        <pc:chgData name="Pankaj Kumar" userId="3c9ad02ac8f588c0" providerId="Windows Live" clId="Web-{C55295B1-16B8-40EB-8E02-97B2C6887BFA}" dt="2022-07-30T13:39:45.259" v="709"/>
        <pc:sldMkLst>
          <pc:docMk/>
          <pc:sldMk cId="986087858" sldId="271"/>
        </pc:sldMkLst>
        <pc:spChg chg="mod">
          <ac:chgData name="Pankaj Kumar" userId="3c9ad02ac8f588c0" providerId="Windows Live" clId="Web-{C55295B1-16B8-40EB-8E02-97B2C6887BFA}" dt="2022-07-30T13:39:45.259" v="709"/>
          <ac:spMkLst>
            <pc:docMk/>
            <pc:sldMk cId="986087858" sldId="271"/>
            <ac:spMk id="2" creationId="{72E3D2D2-53FB-4E7B-BD22-8BCDFCCBF85D}"/>
          </ac:spMkLst>
        </pc:spChg>
        <pc:spChg chg="mod">
          <ac:chgData name="Pankaj Kumar" userId="3c9ad02ac8f588c0" providerId="Windows Live" clId="Web-{C55295B1-16B8-40EB-8E02-97B2C6887BFA}" dt="2022-07-30T13:39:45.259" v="709"/>
          <ac:spMkLst>
            <pc:docMk/>
            <pc:sldMk cId="986087858" sldId="271"/>
            <ac:spMk id="5" creationId="{AF8708C7-ADE0-446E-9ADB-927072589CA3}"/>
          </ac:spMkLst>
        </pc:spChg>
        <pc:spChg chg="add">
          <ac:chgData name="Pankaj Kumar" userId="3c9ad02ac8f588c0" providerId="Windows Live" clId="Web-{C55295B1-16B8-40EB-8E02-97B2C6887BFA}" dt="2022-07-30T13:39:45.259" v="709"/>
          <ac:spMkLst>
            <pc:docMk/>
            <pc:sldMk cId="986087858" sldId="271"/>
            <ac:spMk id="10" creationId="{827B839B-9ADE-406B-8590-F1CAEDED45A1}"/>
          </ac:spMkLst>
        </pc:spChg>
        <pc:spChg chg="add">
          <ac:chgData name="Pankaj Kumar" userId="3c9ad02ac8f588c0" providerId="Windows Live" clId="Web-{C55295B1-16B8-40EB-8E02-97B2C6887BFA}" dt="2022-07-30T13:39:45.259" v="709"/>
          <ac:spMkLst>
            <pc:docMk/>
            <pc:sldMk cId="986087858" sldId="271"/>
            <ac:spMk id="12" creationId="{CFE45BF0-46DB-408C-B5F7-7B11716805D4}"/>
          </ac:spMkLst>
        </pc:spChg>
        <pc:spChg chg="add">
          <ac:chgData name="Pankaj Kumar" userId="3c9ad02ac8f588c0" providerId="Windows Live" clId="Web-{C55295B1-16B8-40EB-8E02-97B2C6887BFA}" dt="2022-07-30T13:39:45.259" v="709"/>
          <ac:spMkLst>
            <pc:docMk/>
            <pc:sldMk cId="986087858" sldId="271"/>
            <ac:spMk id="14" creationId="{2AEBC8F2-97B1-41B4-93F1-2D289E197FBA}"/>
          </ac:spMkLst>
        </pc:spChg>
        <pc:spChg chg="add">
          <ac:chgData name="Pankaj Kumar" userId="3c9ad02ac8f588c0" providerId="Windows Live" clId="Web-{C55295B1-16B8-40EB-8E02-97B2C6887BFA}" dt="2022-07-30T13:39:45.259" v="709"/>
          <ac:spMkLst>
            <pc:docMk/>
            <pc:sldMk cId="986087858" sldId="271"/>
            <ac:spMk id="16" creationId="{472E3A19-F5D5-48FC-BB9C-48C2F68F598B}"/>
          </ac:spMkLst>
        </pc:spChg>
        <pc:spChg chg="add">
          <ac:chgData name="Pankaj Kumar" userId="3c9ad02ac8f588c0" providerId="Windows Live" clId="Web-{C55295B1-16B8-40EB-8E02-97B2C6887BFA}" dt="2022-07-30T13:39:45.259" v="709"/>
          <ac:spMkLst>
            <pc:docMk/>
            <pc:sldMk cId="986087858" sldId="271"/>
            <ac:spMk id="18" creationId="{7A62E32F-BB65-43A8-8EB5-92346890E549}"/>
          </ac:spMkLst>
        </pc:spChg>
        <pc:spChg chg="add">
          <ac:chgData name="Pankaj Kumar" userId="3c9ad02ac8f588c0" providerId="Windows Live" clId="Web-{C55295B1-16B8-40EB-8E02-97B2C6887BFA}" dt="2022-07-30T13:39:45.259" v="709"/>
          <ac:spMkLst>
            <pc:docMk/>
            <pc:sldMk cId="986087858" sldId="271"/>
            <ac:spMk id="20" creationId="{14E91B64-9FCC-451E-AFB4-A827D6329367}"/>
          </ac:spMkLst>
        </pc:spChg>
      </pc:sldChg>
      <pc:sldChg chg="addSp modSp new">
        <pc:chgData name="Pankaj Kumar" userId="3c9ad02ac8f588c0" providerId="Windows Live" clId="Web-{C55295B1-16B8-40EB-8E02-97B2C6887BFA}" dt="2022-07-30T13:31:36.759" v="623" actId="20577"/>
        <pc:sldMkLst>
          <pc:docMk/>
          <pc:sldMk cId="1244513478" sldId="272"/>
        </pc:sldMkLst>
        <pc:spChg chg="mod">
          <ac:chgData name="Pankaj Kumar" userId="3c9ad02ac8f588c0" providerId="Windows Live" clId="Web-{C55295B1-16B8-40EB-8E02-97B2C6887BFA}" dt="2022-07-30T13:31:36.759" v="623" actId="20577"/>
          <ac:spMkLst>
            <pc:docMk/>
            <pc:sldMk cId="1244513478" sldId="272"/>
            <ac:spMk id="2" creationId="{80D89431-F139-E7A7-97AB-77B9BDA74A7F}"/>
          </ac:spMkLst>
        </pc:spChg>
        <pc:picChg chg="add mod">
          <ac:chgData name="Pankaj Kumar" userId="3c9ad02ac8f588c0" providerId="Windows Live" clId="Web-{C55295B1-16B8-40EB-8E02-97B2C6887BFA}" dt="2022-07-30T13:05:52.932" v="342" actId="14100"/>
          <ac:picMkLst>
            <pc:docMk/>
            <pc:sldMk cId="1244513478" sldId="272"/>
            <ac:picMk id="3" creationId="{65C6043A-9603-5198-AB2C-6C35535A544C}"/>
          </ac:picMkLst>
        </pc:picChg>
        <pc:picChg chg="add mod">
          <ac:chgData name="Pankaj Kumar" userId="3c9ad02ac8f588c0" providerId="Windows Live" clId="Web-{C55295B1-16B8-40EB-8E02-97B2C6887BFA}" dt="2022-07-30T13:06:09.464" v="346" actId="14100"/>
          <ac:picMkLst>
            <pc:docMk/>
            <pc:sldMk cId="1244513478" sldId="272"/>
            <ac:picMk id="4" creationId="{F7D76176-D298-4B7E-9B07-B0C4E9778D2F}"/>
          </ac:picMkLst>
        </pc:picChg>
      </pc:sldChg>
      <pc:sldChg chg="addSp modSp new">
        <pc:chgData name="Pankaj Kumar" userId="3c9ad02ac8f588c0" providerId="Windows Live" clId="Web-{C55295B1-16B8-40EB-8E02-97B2C6887BFA}" dt="2022-07-30T13:30:55.476" v="619" actId="1076"/>
        <pc:sldMkLst>
          <pc:docMk/>
          <pc:sldMk cId="1332694308" sldId="273"/>
        </pc:sldMkLst>
        <pc:spChg chg="mod">
          <ac:chgData name="Pankaj Kumar" userId="3c9ad02ac8f588c0" providerId="Windows Live" clId="Web-{C55295B1-16B8-40EB-8E02-97B2C6887BFA}" dt="2022-07-30T13:30:55.476" v="619" actId="1076"/>
          <ac:spMkLst>
            <pc:docMk/>
            <pc:sldMk cId="1332694308" sldId="273"/>
            <ac:spMk id="2" creationId="{3FFBECD2-E76B-BFA5-A2D6-9BD9547115CD}"/>
          </ac:spMkLst>
        </pc:spChg>
        <pc:spChg chg="add mod">
          <ac:chgData name="Pankaj Kumar" userId="3c9ad02ac8f588c0" providerId="Windows Live" clId="Web-{C55295B1-16B8-40EB-8E02-97B2C6887BFA}" dt="2022-07-30T13:23:31.222" v="538" actId="20577"/>
          <ac:spMkLst>
            <pc:docMk/>
            <pc:sldMk cId="1332694308" sldId="273"/>
            <ac:spMk id="6" creationId="{50E6B53C-4518-3808-433E-F14A2978618E}"/>
          </ac:spMkLst>
        </pc:spChg>
        <pc:graphicFrameChg chg="add mod modGraphic">
          <ac:chgData name="Pankaj Kumar" userId="3c9ad02ac8f588c0" providerId="Windows Live" clId="Web-{C55295B1-16B8-40EB-8E02-97B2C6887BFA}" dt="2022-07-30T13:28:58.863" v="617" actId="1076"/>
          <ac:graphicFrameMkLst>
            <pc:docMk/>
            <pc:sldMk cId="1332694308" sldId="273"/>
            <ac:graphicFrameMk id="5" creationId="{53B7188D-7407-8931-91E2-8C19B5CE9D02}"/>
          </ac:graphicFrameMkLst>
        </pc:graphicFrameChg>
        <pc:picChg chg="add mod">
          <ac:chgData name="Pankaj Kumar" userId="3c9ad02ac8f588c0" providerId="Windows Live" clId="Web-{C55295B1-16B8-40EB-8E02-97B2C6887BFA}" dt="2022-07-30T13:21:33.906" v="512" actId="1076"/>
          <ac:picMkLst>
            <pc:docMk/>
            <pc:sldMk cId="1332694308" sldId="273"/>
            <ac:picMk id="3" creationId="{2EB75E31-0DF0-815B-31A3-AE56483E2157}"/>
          </ac:picMkLst>
        </pc:picChg>
      </pc:sldChg>
      <pc:sldChg chg="addSp delSp modSp new">
        <pc:chgData name="Pankaj Kumar" userId="3c9ad02ac8f588c0" providerId="Windows Live" clId="Web-{C55295B1-16B8-40EB-8E02-97B2C6887BFA}" dt="2022-07-30T13:36:14.330" v="648"/>
        <pc:sldMkLst>
          <pc:docMk/>
          <pc:sldMk cId="3588433107" sldId="274"/>
        </pc:sldMkLst>
        <pc:spChg chg="mod">
          <ac:chgData name="Pankaj Kumar" userId="3c9ad02ac8f588c0" providerId="Windows Live" clId="Web-{C55295B1-16B8-40EB-8E02-97B2C6887BFA}" dt="2022-07-30T13:35:21.782" v="639" actId="20577"/>
          <ac:spMkLst>
            <pc:docMk/>
            <pc:sldMk cId="3588433107" sldId="274"/>
            <ac:spMk id="2" creationId="{3CDD958C-A073-5BE4-B20C-7E61683B34C2}"/>
          </ac:spMkLst>
        </pc:spChg>
        <pc:graphicFrameChg chg="add del mod modGraphic">
          <ac:chgData name="Pankaj Kumar" userId="3c9ad02ac8f588c0" providerId="Windows Live" clId="Web-{C55295B1-16B8-40EB-8E02-97B2C6887BFA}" dt="2022-07-30T13:35:46.392" v="645"/>
          <ac:graphicFrameMkLst>
            <pc:docMk/>
            <pc:sldMk cId="3588433107" sldId="274"/>
            <ac:graphicFrameMk id="4" creationId="{5E47555D-EB8C-F9CE-C238-323A9307CED9}"/>
          </ac:graphicFrameMkLst>
        </pc:graphicFrameChg>
        <pc:graphicFrameChg chg="add mod modGraphic">
          <ac:chgData name="Pankaj Kumar" userId="3c9ad02ac8f588c0" providerId="Windows Live" clId="Web-{C55295B1-16B8-40EB-8E02-97B2C6887BFA}" dt="2022-07-30T13:36:14.330" v="648"/>
          <ac:graphicFrameMkLst>
            <pc:docMk/>
            <pc:sldMk cId="3588433107" sldId="274"/>
            <ac:graphicFrameMk id="6" creationId="{D2A51A29-C162-3D5A-798E-CB37B03C4ADF}"/>
          </ac:graphicFrameMkLst>
        </pc:graphicFrame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283227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6057139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727364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501167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7777888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EFAULT-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292FCD7B-4632-432C-AE09-A03957113A6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85800" y="189436"/>
            <a:ext cx="643890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lvl1pPr>
              <a:defRPr lang="en-US" sz="2400">
                <a:solidFill>
                  <a:schemeClr val="tx1"/>
                </a:solidFill>
                <a:ea typeface="+mn-ea"/>
                <a:cs typeface="+mn-cs"/>
              </a:defRPr>
            </a:lvl1pPr>
          </a:lstStyle>
          <a:p>
            <a:pPr marL="0" lvl="0"/>
            <a:r>
              <a:rPr lang="en-US" dirty="0"/>
              <a:t>ADD HERE YOUR TITLE</a:t>
            </a:r>
          </a:p>
        </p:txBody>
      </p:sp>
    </p:spTree>
    <p:extLst>
      <p:ext uri="{BB962C8B-B14F-4D97-AF65-F5344CB8AC3E}">
        <p14:creationId xmlns:p14="http://schemas.microsoft.com/office/powerpoint/2010/main" val="219683786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  <a:ln>
            <a:noFill/>
          </a:ln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7441169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714886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392474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9956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1489505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472507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91611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684499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  <a:t>7/30/20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rgbClr val="0070C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349578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image" Target="../media/image3.jpeg"/><Relationship Id="rId1" Type="http://schemas.openxmlformats.org/officeDocument/2006/relationships/slideLayout" Target="../slideLayouts/slideLayout6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57200" y="282786"/>
            <a:ext cx="8228732" cy="1378839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/>
                <a:cs typeface="Arial"/>
              </a:rPr>
              <a:t>Data Analysis: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/>
                <a:cs typeface="Arial"/>
              </a:rPr>
              <a:t>Project Budget to Actual</a:t>
            </a:r>
            <a:r>
              <a:rPr lang="en-US" sz="2800" dirty="0">
                <a:solidFill>
                  <a:schemeClr val="tx1"/>
                </a:solidFill>
                <a:latin typeface="Arial"/>
                <a:cs typeface="Arial"/>
              </a:rPr>
              <a:t> </a:t>
            </a:r>
            <a:endParaRPr lang="en-US" sz="28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cs typeface="Arial"/>
            </a:endParaRPr>
          </a:p>
          <a:p>
            <a:pPr>
              <a:defRPr/>
            </a:pPr>
            <a:endParaRPr lang="en-US" sz="2800" dirty="0">
              <a:solidFill>
                <a:schemeClr val="tx1"/>
              </a:solidFill>
              <a:cs typeface="Arial"/>
            </a:endParaRPr>
          </a:p>
          <a:p>
            <a:pPr>
              <a:defRPr/>
            </a:pPr>
            <a:r>
              <a:rPr lang="en-US" sz="2800" dirty="0">
                <a:solidFill>
                  <a:schemeClr val="tx1"/>
                </a:solidFill>
                <a:latin typeface="Arial"/>
                <a:cs typeface="Arial"/>
              </a:rPr>
              <a:t>By – Pankaj Kumar Yadav </a:t>
            </a:r>
            <a:endParaRPr lang="en-US" sz="2800" dirty="0">
              <a:solidFill>
                <a:schemeClr val="tx1"/>
              </a:solidFill>
              <a:cs typeface="Arial"/>
            </a:endParaRP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11DB608F-1D86-420C-B753-A0407B5D995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57200" y="6271072"/>
            <a:ext cx="1415143" cy="2872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41185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9" name="Rectangle 8">
            <a:extLst>
              <a:ext uri="{FF2B5EF4-FFF2-40B4-BE49-F238E27FC236}">
                <a16:creationId xmlns:a16="http://schemas.microsoft.com/office/drawing/2014/main" id="{3B47FC9C-2ED3-4100-A4EF-E8CDFEE106C9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1713" cy="68580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3" name="Picture 3" descr="Graphical user interface&#10;&#10;Description automatically generated">
            <a:extLst>
              <a:ext uri="{FF2B5EF4-FFF2-40B4-BE49-F238E27FC236}">
                <a16:creationId xmlns:a16="http://schemas.microsoft.com/office/drawing/2014/main" id="{A316D979-0CF4-A8A4-1899-27C39F867A5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33425" y="555625"/>
            <a:ext cx="3859213" cy="4629150"/>
          </a:xfrm>
          <a:prstGeom prst="rect">
            <a:avLst/>
          </a:prstGeom>
        </p:spPr>
      </p:pic>
      <p:pic>
        <p:nvPicPr>
          <p:cNvPr id="4" name="Picture 4">
            <a:extLst>
              <a:ext uri="{FF2B5EF4-FFF2-40B4-BE49-F238E27FC236}">
                <a16:creationId xmlns:a16="http://schemas.microsoft.com/office/drawing/2014/main" id="{74C000F4-B274-503F-51C6-1D988BCBDCBB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662488" y="555625"/>
            <a:ext cx="3748088" cy="4629150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650" y="5614619"/>
            <a:ext cx="7886700" cy="942664"/>
          </a:xfrm>
        </p:spPr>
        <p:txBody>
          <a:bodyPr>
            <a:normAutofit/>
          </a:bodyPr>
          <a:lstStyle/>
          <a:p>
            <a:pPr algn="ctr"/>
            <a:r>
              <a:rPr lang="en-US" dirty="0">
                <a:solidFill>
                  <a:schemeClr val="tx1">
                    <a:lumMod val="95000"/>
                    <a:lumOff val="5000"/>
                  </a:schemeClr>
                </a:solidFill>
                <a:latin typeface="Arial"/>
                <a:cs typeface="Arial"/>
              </a:rPr>
              <a:t>Impact of Time and Cost on Project </a:t>
            </a:r>
            <a:endParaRPr lang="en-US">
              <a:solidFill>
                <a:schemeClr val="tx1">
                  <a:lumMod val="95000"/>
                  <a:lumOff val="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45138603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0D89431-F139-E7A7-97AB-77B9BDA74A7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290051"/>
            <a:ext cx="8229600" cy="523456"/>
          </a:xfrm>
        </p:spPr>
        <p:txBody>
          <a:bodyPr>
            <a:noAutofit/>
          </a:bodyPr>
          <a:lstStyle/>
          <a:p>
            <a:r>
              <a:rPr lang="en-US" dirty="0">
                <a:solidFill>
                  <a:schemeClr val="tx1">
                    <a:lumMod val="95000"/>
                    <a:lumOff val="5000"/>
                  </a:schemeClr>
                </a:solidFill>
                <a:latin typeface="Arial"/>
                <a:cs typeface="Arial"/>
              </a:rPr>
              <a:t>Employee Vs Time Impact  and Employee Vs Cost Impact </a:t>
            </a:r>
            <a:endParaRPr lang="en-US">
              <a:solidFill>
                <a:schemeClr val="tx1">
                  <a:lumMod val="95000"/>
                  <a:lumOff val="5000"/>
                </a:schemeClr>
              </a:solidFill>
            </a:endParaRPr>
          </a:p>
        </p:txBody>
      </p:sp>
      <p:pic>
        <p:nvPicPr>
          <p:cNvPr id="3" name="Picture 3" descr="Graphical user interface&#10;&#10;Description automatically generated">
            <a:extLst>
              <a:ext uri="{FF2B5EF4-FFF2-40B4-BE49-F238E27FC236}">
                <a16:creationId xmlns:a16="http://schemas.microsoft.com/office/drawing/2014/main" id="{65C6043A-9603-5198-AB2C-6C35535A544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57200" y="1014762"/>
            <a:ext cx="8040029" cy="2408663"/>
          </a:xfrm>
          <a:prstGeom prst="rect">
            <a:avLst/>
          </a:prstGeom>
        </p:spPr>
      </p:pic>
      <p:pic>
        <p:nvPicPr>
          <p:cNvPr id="4" name="Picture 4">
            <a:extLst>
              <a:ext uri="{FF2B5EF4-FFF2-40B4-BE49-F238E27FC236}">
                <a16:creationId xmlns:a16="http://schemas.microsoft.com/office/drawing/2014/main" id="{F7D76176-D298-4B7E-9B07-B0C4E9778D2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57201" y="3562931"/>
            <a:ext cx="8084632" cy="29325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44513478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FFBECD2-E76B-BFA5-A2D6-9BD9547115C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43501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>
                <a:solidFill>
                  <a:schemeClr val="tx1">
                    <a:lumMod val="95000"/>
                    <a:lumOff val="5000"/>
                  </a:schemeClr>
                </a:solidFill>
                <a:latin typeface="Arial"/>
                <a:cs typeface="Arial"/>
              </a:rPr>
              <a:t>Task, Resource Vs </a:t>
            </a:r>
            <a:br>
              <a:rPr lang="en-US" dirty="0">
                <a:solidFill>
                  <a:schemeClr val="tx1">
                    <a:lumMod val="95000"/>
                    <a:lumOff val="5000"/>
                  </a:schemeClr>
                </a:solidFill>
                <a:latin typeface="Arial"/>
                <a:cs typeface="Arial"/>
              </a:rPr>
            </a:br>
            <a:r>
              <a:rPr lang="en-US" dirty="0">
                <a:solidFill>
                  <a:schemeClr val="tx1">
                    <a:lumMod val="95000"/>
                    <a:lumOff val="5000"/>
                  </a:schemeClr>
                </a:solidFill>
                <a:latin typeface="Arial"/>
                <a:cs typeface="Arial"/>
              </a:rPr>
              <a:t>Time Impact </a:t>
            </a:r>
            <a:endParaRPr lang="en-US" dirty="0">
              <a:solidFill>
                <a:schemeClr val="tx1">
                  <a:lumMod val="95000"/>
                  <a:lumOff val="5000"/>
                </a:schemeClr>
              </a:solidFill>
            </a:endParaRPr>
          </a:p>
        </p:txBody>
      </p:sp>
      <p:pic>
        <p:nvPicPr>
          <p:cNvPr id="3" name="Picture 3" descr="Chart, waterfall chart&#10;&#10;Description automatically generated">
            <a:extLst>
              <a:ext uri="{FF2B5EF4-FFF2-40B4-BE49-F238E27FC236}">
                <a16:creationId xmlns:a16="http://schemas.microsoft.com/office/drawing/2014/main" id="{2EB75E31-0DF0-815B-31A3-AE56483E215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888167" y="48202"/>
            <a:ext cx="6255833" cy="3037088"/>
          </a:xfrm>
          <a:prstGeom prst="rect">
            <a:avLst/>
          </a:prstGeom>
        </p:spPr>
      </p:pic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53B7188D-7407-8931-91E2-8C19B5CE9D02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462029890"/>
              </p:ext>
            </p:extLst>
          </p:nvPr>
        </p:nvGraphicFramePr>
        <p:xfrm>
          <a:off x="289931" y="2977375"/>
          <a:ext cx="8803500" cy="389167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341016">
                  <a:extLst>
                    <a:ext uri="{9D8B030D-6E8A-4147-A177-3AD203B41FA5}">
                      <a16:colId xmlns:a16="http://schemas.microsoft.com/office/drawing/2014/main" val="3559796922"/>
                    </a:ext>
                  </a:extLst>
                </a:gridCol>
                <a:gridCol w="724829">
                  <a:extLst>
                    <a:ext uri="{9D8B030D-6E8A-4147-A177-3AD203B41FA5}">
                      <a16:colId xmlns:a16="http://schemas.microsoft.com/office/drawing/2014/main" val="2399410175"/>
                    </a:ext>
                  </a:extLst>
                </a:gridCol>
                <a:gridCol w="490653">
                  <a:extLst>
                    <a:ext uri="{9D8B030D-6E8A-4147-A177-3AD203B41FA5}">
                      <a16:colId xmlns:a16="http://schemas.microsoft.com/office/drawing/2014/main" val="3152837689"/>
                    </a:ext>
                  </a:extLst>
                </a:gridCol>
                <a:gridCol w="696704">
                  <a:extLst>
                    <a:ext uri="{9D8B030D-6E8A-4147-A177-3AD203B41FA5}">
                      <a16:colId xmlns:a16="http://schemas.microsoft.com/office/drawing/2014/main" val="1338325581"/>
                    </a:ext>
                  </a:extLst>
                </a:gridCol>
                <a:gridCol w="509087">
                  <a:extLst>
                    <a:ext uri="{9D8B030D-6E8A-4147-A177-3AD203B41FA5}">
                      <a16:colId xmlns:a16="http://schemas.microsoft.com/office/drawing/2014/main" val="2937625802"/>
                    </a:ext>
                  </a:extLst>
                </a:gridCol>
                <a:gridCol w="459419">
                  <a:extLst>
                    <a:ext uri="{9D8B030D-6E8A-4147-A177-3AD203B41FA5}">
                      <a16:colId xmlns:a16="http://schemas.microsoft.com/office/drawing/2014/main" val="1779798807"/>
                    </a:ext>
                  </a:extLst>
                </a:gridCol>
                <a:gridCol w="422171">
                  <a:extLst>
                    <a:ext uri="{9D8B030D-6E8A-4147-A177-3AD203B41FA5}">
                      <a16:colId xmlns:a16="http://schemas.microsoft.com/office/drawing/2014/main" val="1491684"/>
                    </a:ext>
                  </a:extLst>
                </a:gridCol>
                <a:gridCol w="496672">
                  <a:extLst>
                    <a:ext uri="{9D8B030D-6E8A-4147-A177-3AD203B41FA5}">
                      <a16:colId xmlns:a16="http://schemas.microsoft.com/office/drawing/2014/main" val="2728271953"/>
                    </a:ext>
                  </a:extLst>
                </a:gridCol>
                <a:gridCol w="459419">
                  <a:extLst>
                    <a:ext uri="{9D8B030D-6E8A-4147-A177-3AD203B41FA5}">
                      <a16:colId xmlns:a16="http://schemas.microsoft.com/office/drawing/2014/main" val="2859096949"/>
                    </a:ext>
                  </a:extLst>
                </a:gridCol>
                <a:gridCol w="620840">
                  <a:extLst>
                    <a:ext uri="{9D8B030D-6E8A-4147-A177-3AD203B41FA5}">
                      <a16:colId xmlns:a16="http://schemas.microsoft.com/office/drawing/2014/main" val="3532175355"/>
                    </a:ext>
                  </a:extLst>
                </a:gridCol>
                <a:gridCol w="422171">
                  <a:extLst>
                    <a:ext uri="{9D8B030D-6E8A-4147-A177-3AD203B41FA5}">
                      <a16:colId xmlns:a16="http://schemas.microsoft.com/office/drawing/2014/main" val="4218462371"/>
                    </a:ext>
                  </a:extLst>
                </a:gridCol>
                <a:gridCol w="484253">
                  <a:extLst>
                    <a:ext uri="{9D8B030D-6E8A-4147-A177-3AD203B41FA5}">
                      <a16:colId xmlns:a16="http://schemas.microsoft.com/office/drawing/2014/main" val="3152186597"/>
                    </a:ext>
                  </a:extLst>
                </a:gridCol>
                <a:gridCol w="509087">
                  <a:extLst>
                    <a:ext uri="{9D8B030D-6E8A-4147-A177-3AD203B41FA5}">
                      <a16:colId xmlns:a16="http://schemas.microsoft.com/office/drawing/2014/main" val="3924557093"/>
                    </a:ext>
                  </a:extLst>
                </a:gridCol>
                <a:gridCol w="422171">
                  <a:extLst>
                    <a:ext uri="{9D8B030D-6E8A-4147-A177-3AD203B41FA5}">
                      <a16:colId xmlns:a16="http://schemas.microsoft.com/office/drawing/2014/main" val="1801718024"/>
                    </a:ext>
                  </a:extLst>
                </a:gridCol>
                <a:gridCol w="745008">
                  <a:extLst>
                    <a:ext uri="{9D8B030D-6E8A-4147-A177-3AD203B41FA5}">
                      <a16:colId xmlns:a16="http://schemas.microsoft.com/office/drawing/2014/main" val="3825085062"/>
                    </a:ext>
                  </a:extLst>
                </a:gridCol>
              </a:tblGrid>
              <a:tr h="344690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Sum of Cost of Project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Employees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395682471"/>
                  </a:ext>
                </a:extLst>
              </a:tr>
              <a:tr h="344690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Task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Crystal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Erica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Gail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George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Inigo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Jenny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Jim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Larry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Monique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Sarah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Sondra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Stanley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Tom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Grand Total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282706754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AT1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21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0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05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395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657877787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AT2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018872973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AT3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4138105289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BT1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2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45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3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076389106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BT2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21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21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841961838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BT3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21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3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427372377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CT1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15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3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346885851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CT2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252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27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391434721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CT3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21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15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583232670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CT4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24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089839904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CT5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21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15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4040313719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DT1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285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27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294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325625267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DT2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24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15152277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DT3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45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51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572609088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DT4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24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817673905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ET1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30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3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975611128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ET2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4224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fontAlgn="b"/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3984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723104152"/>
                  </a:ext>
                </a:extLst>
              </a:tr>
              <a:tr h="177905">
                <a:tc>
                  <a:txBody>
                    <a:bodyPr/>
                    <a:lstStyle/>
                    <a:p>
                      <a:pPr fontAlgn="b"/>
                      <a:r>
                        <a:rPr lang="en-US" sz="1100">
                          <a:effectLst/>
                        </a:rPr>
                        <a:t>Grand Total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840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480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440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2850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450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810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4224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2520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450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720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-105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100">
                          <a:effectLst/>
                        </a:rPr>
                        <a:t>939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368123390"/>
                  </a:ext>
                </a:extLst>
              </a:tr>
            </a:tbl>
          </a:graphicData>
        </a:graphic>
      </p:graphicFrame>
      <p:sp>
        <p:nvSpPr>
          <p:cNvPr id="6" name="TextBox 5">
            <a:extLst>
              <a:ext uri="{FF2B5EF4-FFF2-40B4-BE49-F238E27FC236}">
                <a16:creationId xmlns:a16="http://schemas.microsoft.com/office/drawing/2014/main" id="{50E6B53C-4518-3808-433E-F14A2978618E}"/>
              </a:ext>
            </a:extLst>
          </p:cNvPr>
          <p:cNvSpPr txBox="1"/>
          <p:nvPr/>
        </p:nvSpPr>
        <p:spPr>
          <a:xfrm>
            <a:off x="223024" y="2263698"/>
            <a:ext cx="2743200" cy="646331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dirty="0">
                <a:solidFill>
                  <a:schemeClr val="tx1">
                    <a:lumMod val="95000"/>
                    <a:lumOff val="5000"/>
                  </a:schemeClr>
                </a:solidFill>
                <a:latin typeface="Arial"/>
              </a:rPr>
              <a:t>Task, Resource Vs Cost</a:t>
            </a:r>
            <a:endParaRPr lang="en-US" dirty="0">
              <a:solidFill>
                <a:schemeClr val="tx1">
                  <a:lumMod val="95000"/>
                  <a:lumOff val="5000"/>
                </a:schemeClr>
              </a:solidFill>
              <a:latin typeface="Arial"/>
              <a:cs typeface="Arial"/>
            </a:endParaRPr>
          </a:p>
          <a:p>
            <a:endParaRPr lang="en-US" dirty="0">
              <a:solidFill>
                <a:srgbClr val="6D6E6A"/>
              </a:solidFill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332694308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CDD958C-A073-5BE4-B20C-7E61683B34C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>
                <a:solidFill>
                  <a:schemeClr val="tx1">
                    <a:lumMod val="95000"/>
                    <a:lumOff val="5000"/>
                  </a:schemeClr>
                </a:solidFill>
                <a:latin typeface="Arial"/>
                <a:cs typeface="Arial"/>
              </a:rPr>
              <a:t>Employee Performance Overall </a:t>
            </a:r>
            <a:endParaRPr lang="en-US">
              <a:solidFill>
                <a:schemeClr val="tx1">
                  <a:lumMod val="95000"/>
                  <a:lumOff val="5000"/>
                </a:schemeClr>
              </a:solidFill>
            </a:endParaRPr>
          </a:p>
        </p:txBody>
      </p:sp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D2A51A29-C162-3D5A-798E-CB37B03C4AD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28167091"/>
              </p:ext>
            </p:extLst>
          </p:nvPr>
        </p:nvGraphicFramePr>
        <p:xfrm>
          <a:off x="802887" y="1326995"/>
          <a:ext cx="6480586" cy="4246965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310478">
                  <a:extLst>
                    <a:ext uri="{9D8B030D-6E8A-4147-A177-3AD203B41FA5}">
                      <a16:colId xmlns:a16="http://schemas.microsoft.com/office/drawing/2014/main" val="2549250244"/>
                    </a:ext>
                  </a:extLst>
                </a:gridCol>
                <a:gridCol w="1633611">
                  <a:extLst>
                    <a:ext uri="{9D8B030D-6E8A-4147-A177-3AD203B41FA5}">
                      <a16:colId xmlns:a16="http://schemas.microsoft.com/office/drawing/2014/main" val="2595104168"/>
                    </a:ext>
                  </a:extLst>
                </a:gridCol>
                <a:gridCol w="1113009">
                  <a:extLst>
                    <a:ext uri="{9D8B030D-6E8A-4147-A177-3AD203B41FA5}">
                      <a16:colId xmlns:a16="http://schemas.microsoft.com/office/drawing/2014/main" val="1161526646"/>
                    </a:ext>
                  </a:extLst>
                </a:gridCol>
                <a:gridCol w="1166864">
                  <a:extLst>
                    <a:ext uri="{9D8B030D-6E8A-4147-A177-3AD203B41FA5}">
                      <a16:colId xmlns:a16="http://schemas.microsoft.com/office/drawing/2014/main" val="6785839"/>
                    </a:ext>
                  </a:extLst>
                </a:gridCol>
                <a:gridCol w="1256624">
                  <a:extLst>
                    <a:ext uri="{9D8B030D-6E8A-4147-A177-3AD203B41FA5}">
                      <a16:colId xmlns:a16="http://schemas.microsoft.com/office/drawing/2014/main" val="3059300050"/>
                    </a:ext>
                  </a:extLst>
                </a:gridCol>
              </a:tblGrid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Row Labels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Sum of Cost $ / hr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Cost Impact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Time Impact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Count of Task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512103559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Monique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42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252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24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4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364061967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George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48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144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24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8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956928626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Jim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18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81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9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2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387399950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Stanley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72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144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12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013692999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Gail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4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48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96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8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859786803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Jenny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225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45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6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3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38814301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Sarah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15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45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6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2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2238300635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Tom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7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105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3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2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467051509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Crystal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6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5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917241998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Sondra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45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1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514434082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Erica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56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84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6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4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563743427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Inigo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95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285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30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1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542168267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Larry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88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4224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480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1</a:t>
                      </a:r>
                      <a:endParaRPr lang="en-US" sz="1100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3054084974"/>
                  </a:ext>
                </a:extLst>
              </a:tr>
              <a:tr h="283131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Grand Total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3913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939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-120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>
                          <a:effectLst/>
                        </a:rPr>
                        <a:t>53</a:t>
                      </a:r>
                      <a:endParaRPr lang="en-US" sz="1100" b="1"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/>
                </a:tc>
                <a:extLst>
                  <a:ext uri="{0D108BD9-81ED-4DB2-BD59-A6C34878D82A}">
                    <a16:rowId xmlns:a16="http://schemas.microsoft.com/office/drawing/2014/main" val="1948405542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588433107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10" name="Rectangle 9">
            <a:extLst>
              <a:ext uri="{FF2B5EF4-FFF2-40B4-BE49-F238E27FC236}">
                <a16:creationId xmlns:a16="http://schemas.microsoft.com/office/drawing/2014/main" id="{827B839B-9ADE-406B-8590-F1CAEDED45A1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>
          <a:xfrm>
            <a:off x="0" y="0"/>
            <a:ext cx="9141714" cy="685800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Freeform 45">
            <a:extLst>
              <a:ext uri="{FF2B5EF4-FFF2-40B4-BE49-F238E27FC236}">
                <a16:creationId xmlns:a16="http://schemas.microsoft.com/office/drawing/2014/main" id="{CFE45BF0-46DB-408C-B5F7-7B11716805D4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 bwMode="auto">
          <a:xfrm>
            <a:off x="307282" y="1022350"/>
            <a:ext cx="532209" cy="2095501"/>
          </a:xfrm>
          <a:custGeom>
            <a:avLst/>
            <a:gdLst>
              <a:gd name="T0" fmla="*/ 447 w 447"/>
              <a:gd name="T1" fmla="*/ 1363 h 1363"/>
              <a:gd name="T2" fmla="*/ 0 w 447"/>
              <a:gd name="T3" fmla="*/ 987 h 1363"/>
              <a:gd name="T4" fmla="*/ 0 w 447"/>
              <a:gd name="T5" fmla="*/ 0 h 1363"/>
              <a:gd name="T6" fmla="*/ 447 w 447"/>
              <a:gd name="T7" fmla="*/ 376 h 1363"/>
              <a:gd name="T8" fmla="*/ 447 w 447"/>
              <a:gd name="T9" fmla="*/ 1363 h 136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447" h="1363">
                <a:moveTo>
                  <a:pt x="447" y="1363"/>
                </a:moveTo>
                <a:lnTo>
                  <a:pt x="0" y="987"/>
                </a:lnTo>
                <a:lnTo>
                  <a:pt x="0" y="0"/>
                </a:lnTo>
                <a:lnTo>
                  <a:pt x="447" y="376"/>
                </a:lnTo>
                <a:lnTo>
                  <a:pt x="447" y="1363"/>
                </a:lnTo>
                <a:close/>
              </a:path>
            </a:pathLst>
          </a:custGeom>
          <a:solidFill>
            <a:schemeClr val="accent1">
              <a:lumMod val="5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4" name="Freeform 46">
            <a:extLst>
              <a:ext uri="{FF2B5EF4-FFF2-40B4-BE49-F238E27FC236}">
                <a16:creationId xmlns:a16="http://schemas.microsoft.com/office/drawing/2014/main" id="{2AEBC8F2-97B1-41B4-93F1-2D289E197FBA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 bwMode="auto">
          <a:xfrm>
            <a:off x="307282" y="837744"/>
            <a:ext cx="302419" cy="1705431"/>
          </a:xfrm>
          <a:custGeom>
            <a:avLst/>
            <a:gdLst>
              <a:gd name="T0" fmla="*/ 254 w 254"/>
              <a:gd name="T1" fmla="*/ 987 h 1109"/>
              <a:gd name="T2" fmla="*/ 0 w 254"/>
              <a:gd name="T3" fmla="*/ 1109 h 1109"/>
              <a:gd name="T4" fmla="*/ 0 w 254"/>
              <a:gd name="T5" fmla="*/ 119 h 1109"/>
              <a:gd name="T6" fmla="*/ 254 w 254"/>
              <a:gd name="T7" fmla="*/ 0 h 1109"/>
              <a:gd name="T8" fmla="*/ 254 w 254"/>
              <a:gd name="T9" fmla="*/ 987 h 110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254" h="1109">
                <a:moveTo>
                  <a:pt x="254" y="987"/>
                </a:moveTo>
                <a:lnTo>
                  <a:pt x="0" y="1109"/>
                </a:lnTo>
                <a:lnTo>
                  <a:pt x="0" y="119"/>
                </a:lnTo>
                <a:lnTo>
                  <a:pt x="254" y="0"/>
                </a:lnTo>
                <a:lnTo>
                  <a:pt x="254" y="987"/>
                </a:lnTo>
                <a:close/>
              </a:path>
            </a:pathLst>
          </a:custGeom>
          <a:solidFill>
            <a:schemeClr val="accent1">
              <a:lumMod val="75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6" name="Freeform 47">
            <a:extLst>
              <a:ext uri="{FF2B5EF4-FFF2-40B4-BE49-F238E27FC236}">
                <a16:creationId xmlns:a16="http://schemas.microsoft.com/office/drawing/2014/main" id="{472E3A19-F5D5-48FC-BB9C-48C2F68F598B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 bwMode="auto">
          <a:xfrm>
            <a:off x="483495" y="640894"/>
            <a:ext cx="126206" cy="1713195"/>
          </a:xfrm>
          <a:custGeom>
            <a:avLst/>
            <a:gdLst>
              <a:gd name="T0" fmla="*/ 106 w 106"/>
              <a:gd name="T1" fmla="*/ 1114 h 1114"/>
              <a:gd name="T2" fmla="*/ 0 w 106"/>
              <a:gd name="T3" fmla="*/ 1005 h 1114"/>
              <a:gd name="T4" fmla="*/ 0 w 106"/>
              <a:gd name="T5" fmla="*/ 0 h 1114"/>
              <a:gd name="T6" fmla="*/ 106 w 106"/>
              <a:gd name="T7" fmla="*/ 110 h 1114"/>
              <a:gd name="T8" fmla="*/ 106 w 106"/>
              <a:gd name="T9" fmla="*/ 1114 h 111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06" h="1114">
                <a:moveTo>
                  <a:pt x="106" y="1114"/>
                </a:moveTo>
                <a:lnTo>
                  <a:pt x="0" y="1005"/>
                </a:lnTo>
                <a:lnTo>
                  <a:pt x="0" y="0"/>
                </a:lnTo>
                <a:lnTo>
                  <a:pt x="106" y="110"/>
                </a:lnTo>
                <a:lnTo>
                  <a:pt x="106" y="1114"/>
                </a:lnTo>
                <a:close/>
              </a:path>
            </a:pathLst>
          </a:custGeom>
          <a:solidFill>
            <a:schemeClr val="accent1">
              <a:lumMod val="5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8" name="Freeform 44">
            <a:extLst>
              <a:ext uri="{FF2B5EF4-FFF2-40B4-BE49-F238E27FC236}">
                <a16:creationId xmlns:a16="http://schemas.microsoft.com/office/drawing/2014/main" id="{7A62E32F-BB65-43A8-8EB5-92346890E549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 bwMode="auto">
          <a:xfrm>
            <a:off x="8417402" y="635716"/>
            <a:ext cx="246459" cy="1742360"/>
          </a:xfrm>
          <a:custGeom>
            <a:avLst/>
            <a:gdLst>
              <a:gd name="T0" fmla="*/ 207 w 207"/>
              <a:gd name="T1" fmla="*/ 987 h 1114"/>
              <a:gd name="T2" fmla="*/ 0 w 207"/>
              <a:gd name="T3" fmla="*/ 1114 h 1114"/>
              <a:gd name="T4" fmla="*/ 0 w 207"/>
              <a:gd name="T5" fmla="*/ 127 h 1114"/>
              <a:gd name="T6" fmla="*/ 207 w 207"/>
              <a:gd name="T7" fmla="*/ 0 h 1114"/>
              <a:gd name="T8" fmla="*/ 207 w 207"/>
              <a:gd name="T9" fmla="*/ 987 h 111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207" h="1114">
                <a:moveTo>
                  <a:pt x="207" y="987"/>
                </a:moveTo>
                <a:lnTo>
                  <a:pt x="0" y="1114"/>
                </a:lnTo>
                <a:lnTo>
                  <a:pt x="0" y="127"/>
                </a:lnTo>
                <a:lnTo>
                  <a:pt x="207" y="0"/>
                </a:lnTo>
                <a:lnTo>
                  <a:pt x="207" y="987"/>
                </a:lnTo>
                <a:close/>
              </a:path>
            </a:pathLst>
          </a:custGeom>
          <a:solidFill>
            <a:schemeClr val="accent1">
              <a:lumMod val="5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14E91B64-9FCC-451E-AFB4-A827D6329367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SpPr>
            <a:spLocks noGrp="1" noRot="1" noChangeAspect="1" noMove="1" noResize="1" noEditPoints="1" noAdjustHandles="1" noChangeArrowheads="1" noChangeShapeType="1" noTextEdit="1"/>
          </p:cNvSpPr>
          <p:nvPr>
            <p:extLst>
              <p:ext uri="{386F3935-93C4-4BCD-93E2-E3B085C9AB24}">
                <p16:designElem xmlns:p16="http://schemas.microsoft.com/office/powerpoint/2015/main" val="1"/>
              </p:ext>
            </p:extLst>
          </p:nvPr>
        </p:nvSpPr>
        <p:spPr bwMode="auto">
          <a:xfrm>
            <a:off x="483041" y="635715"/>
            <a:ext cx="8180897" cy="1541457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72E3D2D2-53FB-4E7B-BD22-8BCDFCCBF8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18879" y="800392"/>
            <a:ext cx="7698523" cy="1212102"/>
          </a:xfr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z="3500" kern="1200">
                <a:solidFill>
                  <a:srgbClr val="FFFFFF"/>
                </a:solidFill>
                <a:latin typeface="+mj-lt"/>
                <a:ea typeface="+mj-ea"/>
                <a:cs typeface="+mj-cs"/>
              </a:rPr>
              <a:t>Observations and Key Insights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F8708C7-ADE0-446E-9ADB-927072589CA3}"/>
              </a:ext>
            </a:extLst>
          </p:cNvPr>
          <p:cNvSpPr txBox="1"/>
          <p:nvPr/>
        </p:nvSpPr>
        <p:spPr>
          <a:xfrm>
            <a:off x="1025718" y="2490436"/>
            <a:ext cx="7281746" cy="356717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1600"/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/>
              <a:t>Project  E&amp; D completed under Budget Time and Cost, Project A,B,C are over budget in Time and Cost.</a:t>
            </a:r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/>
              <a:t>Project C is most expansive in term of time and cost, whereas Project E is most time and money saving</a:t>
            </a:r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/>
              <a:t>Larry, Inigo, Erica, Sondra, Crystal are completed their Project under Budget.</a:t>
            </a:r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/>
              <a:t>Larry Cost the least whereas Monique cost the most.</a:t>
            </a:r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/>
              <a:t>Task CT-2 and AT-1 is most expansive in term of time and money.</a:t>
            </a:r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/>
              <a:t> Monique  Stanley George Gail Jim are most expansive employees.</a:t>
            </a:r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/>
              <a:t>Stanely Task need to minimize he is performing 12 task and taking 600$/h.</a:t>
            </a:r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r>
              <a:rPr lang="en-US" sz="1600"/>
              <a:t>Need to divide George, Monique and Gail task also.</a:t>
            </a:r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1600"/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1600"/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1600"/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1600"/>
          </a:p>
          <a:p>
            <a:pPr marL="285750" indent="-228600">
              <a:lnSpc>
                <a:spcPct val="90000"/>
              </a:lnSpc>
              <a:spcAft>
                <a:spcPts val="600"/>
              </a:spcAft>
              <a:buFont typeface="Arial" panose="020B0604020202020204" pitchFamily="34" charset="0"/>
              <a:buChar char="•"/>
            </a:pPr>
            <a:endParaRPr lang="en-US" sz="1600"/>
          </a:p>
        </p:txBody>
      </p:sp>
    </p:spTree>
    <p:extLst>
      <p:ext uri="{BB962C8B-B14F-4D97-AF65-F5344CB8AC3E}">
        <p14:creationId xmlns:p14="http://schemas.microsoft.com/office/powerpoint/2010/main" val="98608785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2400</TotalTime>
  <Words>31</Words>
  <Application>Microsoft Office PowerPoint</Application>
  <PresentationFormat>On-screen Show (4:3)</PresentationFormat>
  <Paragraphs>8</Paragraphs>
  <Slides>6</Slides>
  <Notes>1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6</vt:i4>
      </vt:variant>
    </vt:vector>
  </HeadingPairs>
  <TitlesOfParts>
    <vt:vector size="7" baseType="lpstr">
      <vt:lpstr>Office Theme</vt:lpstr>
      <vt:lpstr>PowerPoint Presentation</vt:lpstr>
      <vt:lpstr>Impact of Time and Cost on Project </vt:lpstr>
      <vt:lpstr>Employee Vs Time Impact  and Employee Vs Cost Impact </vt:lpstr>
      <vt:lpstr>Task, Resource Vs  Time Impact </vt:lpstr>
      <vt:lpstr>Employee Performance Overall </vt:lpstr>
      <vt:lpstr>Observations and Key Insight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Thomas Malone</cp:lastModifiedBy>
  <cp:revision>283</cp:revision>
  <dcterms:created xsi:type="dcterms:W3CDTF">2020-03-26T22:50:15Z</dcterms:created>
  <dcterms:modified xsi:type="dcterms:W3CDTF">2022-07-30T13:39:50Z</dcterms:modified>
</cp:coreProperties>
</file>